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714D1233" w14:textId="77777777" w:rsidR="0099597F" w:rsidRDefault="0099597F" w:rsidP="0099597F">
      <w:pPr>
        <w:pStyle w:val="BodyText"/>
        <w:jc w:val="center"/>
        <w:rPr>
          <w:b/>
        </w:rPr>
      </w:pPr>
      <w:r w:rsidRPr="00942751">
        <w:rPr>
          <w:b/>
        </w:rPr>
        <w:t>IDEA PUBLIC SCHOOLS LOUISIANA, INC.</w:t>
      </w:r>
    </w:p>
    <w:p w14:paraId="34C017E1" w14:textId="77777777" w:rsidR="0099597F" w:rsidRDefault="0099597F" w:rsidP="0099597F">
      <w:pPr>
        <w:pStyle w:val="BodyText"/>
        <w:jc w:val="center"/>
        <w:rPr>
          <w:b/>
        </w:rPr>
      </w:pPr>
      <w:r>
        <w:rPr>
          <w:b/>
        </w:rPr>
        <w:t>Official Board Minutes</w:t>
      </w:r>
      <w:r>
        <w:rPr>
          <w:b/>
        </w:rPr>
        <w:br/>
        <w:t xml:space="preserve">Meeting of </w:t>
      </w:r>
      <w:r w:rsidR="000A22B1">
        <w:rPr>
          <w:b/>
        </w:rPr>
        <w:t>February 5, 2019</w:t>
      </w:r>
    </w:p>
    <w:p w14:paraId="4860D533" w14:textId="77777777" w:rsidR="0099597F" w:rsidRDefault="0099597F" w:rsidP="0099597F">
      <w:pPr>
        <w:pStyle w:val="BodyText"/>
      </w:pPr>
      <w:r>
        <w:t xml:space="preserve">IDEA Public Schools Louisiana, Inc. met in a regular session on </w:t>
      </w:r>
      <w:r w:rsidR="000A22B1">
        <w:t>February 5</w:t>
      </w:r>
      <w:r w:rsidR="0094524D">
        <w:t>, 2019</w:t>
      </w:r>
      <w:r>
        <w:t xml:space="preserve">, </w:t>
      </w:r>
      <w:r w:rsidRPr="00942751">
        <w:t xml:space="preserve">at </w:t>
      </w:r>
      <w:r w:rsidR="000A22B1">
        <w:t>1500 North Airway Drive</w:t>
      </w:r>
      <w:r w:rsidR="003D0AA1">
        <w:t xml:space="preserve">, Baton Rouge, </w:t>
      </w:r>
      <w:proofErr w:type="gramStart"/>
      <w:r w:rsidR="003D0AA1">
        <w:t xml:space="preserve">Louisiana  </w:t>
      </w:r>
      <w:r w:rsidR="000A22B1">
        <w:t>70815</w:t>
      </w:r>
      <w:proofErr w:type="gramEnd"/>
      <w:r w:rsidRPr="00942751">
        <w:t>.</w:t>
      </w:r>
      <w:r>
        <w:t xml:space="preserve">  </w:t>
      </w:r>
    </w:p>
    <w:tbl>
      <w:tblPr>
        <w:tblStyle w:val="TableGrid"/>
        <w:tblW w:w="964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1368"/>
        <w:gridCol w:w="8280"/>
      </w:tblGrid>
      <w:tr w:rsidR="001A51EB" w14:paraId="30CA1F36" w14:textId="77777777" w:rsidTr="00C069DC">
        <w:tc>
          <w:tcPr>
            <w:tcW w:w="1368" w:type="dxa"/>
          </w:tcPr>
          <w:p w14:paraId="45DFE3C9" w14:textId="77777777" w:rsidR="001A51EB" w:rsidRPr="007E4B32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A</w:t>
            </w:r>
          </w:p>
        </w:tc>
        <w:tc>
          <w:tcPr>
            <w:tcW w:w="8280" w:type="dxa"/>
          </w:tcPr>
          <w:p w14:paraId="39328331" w14:textId="77777777" w:rsidR="00D24116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oll Call</w:t>
            </w:r>
          </w:p>
          <w:p w14:paraId="61DFBB3A" w14:textId="77777777" w:rsidR="001A51EB" w:rsidRDefault="001A51EB" w:rsidP="00EE6199">
            <w:pPr>
              <w:pStyle w:val="BodyText"/>
            </w:pPr>
            <w:r>
              <w:t xml:space="preserve">Board members present were: </w:t>
            </w:r>
            <w:r w:rsidR="00F20F50">
              <w:t xml:space="preserve">Michael Tipton, Nicole Reynolds, Katia </w:t>
            </w:r>
            <w:proofErr w:type="gramStart"/>
            <w:r w:rsidR="00F20F50">
              <w:t>Bowman  Theo</w:t>
            </w:r>
            <w:proofErr w:type="gramEnd"/>
            <w:r w:rsidR="00F20F50">
              <w:t xml:space="preserve"> Richard, Kimberly Tang and Lakeisha Robichaux</w:t>
            </w:r>
          </w:p>
          <w:p w14:paraId="5F1E8466" w14:textId="77777777" w:rsidR="00F20F50" w:rsidRPr="007E4B32" w:rsidRDefault="001A51EB" w:rsidP="00F20F50">
            <w:pPr>
              <w:pStyle w:val="BodyText"/>
            </w:pPr>
            <w:r>
              <w:t xml:space="preserve">Board members absent were: </w:t>
            </w:r>
            <w:r w:rsidR="00F20F50">
              <w:t xml:space="preserve">Pastor Mary Moss and Jill Kennedy </w:t>
            </w:r>
          </w:p>
        </w:tc>
      </w:tr>
      <w:tr w:rsidR="001A51EB" w14:paraId="0A4055A1" w14:textId="77777777" w:rsidTr="00C069DC">
        <w:tc>
          <w:tcPr>
            <w:tcW w:w="1368" w:type="dxa"/>
          </w:tcPr>
          <w:p w14:paraId="551C3282" w14:textId="77777777" w:rsidR="001A51EB" w:rsidRPr="007E4B32" w:rsidRDefault="001A51EB" w:rsidP="001A51EB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B</w:t>
            </w:r>
          </w:p>
        </w:tc>
        <w:tc>
          <w:tcPr>
            <w:tcW w:w="8280" w:type="dxa"/>
          </w:tcPr>
          <w:p w14:paraId="35CA818A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all to Order</w:t>
            </w:r>
          </w:p>
          <w:p w14:paraId="34D85C95" w14:textId="77777777" w:rsidR="001A51EB" w:rsidRDefault="001A51EB" w:rsidP="00C069DC">
            <w:pPr>
              <w:pStyle w:val="BodyText"/>
              <w:spacing w:after="0"/>
            </w:pPr>
            <w:r>
              <w:t xml:space="preserve">The meeting was called to order by </w:t>
            </w:r>
            <w:r w:rsidR="009C5DA3">
              <w:t>Ms. Bowman</w:t>
            </w:r>
            <w:r>
              <w:t xml:space="preserve"> at 6:1</w:t>
            </w:r>
            <w:r w:rsidR="00F20F50">
              <w:t>3</w:t>
            </w:r>
            <w:r>
              <w:t xml:space="preserve"> p.m.</w:t>
            </w:r>
          </w:p>
          <w:p w14:paraId="6B64849C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</w:p>
        </w:tc>
      </w:tr>
      <w:tr w:rsidR="001A51EB" w14:paraId="041E7CD1" w14:textId="77777777" w:rsidTr="00C069DC">
        <w:tc>
          <w:tcPr>
            <w:tcW w:w="1368" w:type="dxa"/>
          </w:tcPr>
          <w:p w14:paraId="6121A5D4" w14:textId="77777777" w:rsidR="001A51EB" w:rsidRPr="00C84C29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C</w:t>
            </w:r>
          </w:p>
        </w:tc>
        <w:tc>
          <w:tcPr>
            <w:tcW w:w="8280" w:type="dxa"/>
          </w:tcPr>
          <w:p w14:paraId="62E39386" w14:textId="77777777" w:rsidR="001A51EB" w:rsidRPr="00C84C29" w:rsidRDefault="001A51EB" w:rsidP="00C84C2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Agenda</w:t>
            </w:r>
          </w:p>
          <w:p w14:paraId="4F9F6FE5" w14:textId="77777777" w:rsidR="001A51EB" w:rsidRDefault="001A51EB" w:rsidP="00C84C29">
            <w:pPr>
              <w:pStyle w:val="BodyText"/>
              <w:spacing w:after="0"/>
            </w:pPr>
            <w:r>
              <w:t xml:space="preserve">On the motion of </w:t>
            </w:r>
            <w:r w:rsidR="00F20F50">
              <w:t>Mr. Tipton</w:t>
            </w:r>
            <w:r>
              <w:t xml:space="preserve">, seconded by Ms. </w:t>
            </w:r>
            <w:r w:rsidR="00F20F50">
              <w:t>Robichaux</w:t>
            </w:r>
            <w:r>
              <w:t>, the Board unanimously approved the Agenda for the meeting.</w:t>
            </w:r>
          </w:p>
          <w:p w14:paraId="32947377" w14:textId="77777777" w:rsidR="001A51EB" w:rsidRPr="00C84C29" w:rsidRDefault="001A51EB" w:rsidP="00C84C29">
            <w:pPr>
              <w:pStyle w:val="BodyText"/>
              <w:spacing w:after="0"/>
            </w:pPr>
          </w:p>
        </w:tc>
      </w:tr>
      <w:tr w:rsidR="001A51EB" w14:paraId="5274013F" w14:textId="77777777" w:rsidTr="00C069DC">
        <w:tc>
          <w:tcPr>
            <w:tcW w:w="1368" w:type="dxa"/>
          </w:tcPr>
          <w:p w14:paraId="20A71693" w14:textId="77777777" w:rsidR="001A51EB" w:rsidRPr="00447BB9" w:rsidRDefault="001A51EB" w:rsidP="00C069DC">
            <w:pPr>
              <w:pStyle w:val="BodyText"/>
              <w:spacing w:after="0"/>
              <w:rPr>
                <w:b/>
              </w:rPr>
            </w:pPr>
            <w:r w:rsidRPr="00447BB9"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D</w:t>
            </w:r>
          </w:p>
        </w:tc>
        <w:tc>
          <w:tcPr>
            <w:tcW w:w="8280" w:type="dxa"/>
          </w:tcPr>
          <w:p w14:paraId="4519C52B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pproval of the Minutes - </w:t>
            </w:r>
            <w:r w:rsidR="00F20F50">
              <w:rPr>
                <w:b/>
              </w:rPr>
              <w:t>January 8, 2019</w:t>
            </w:r>
          </w:p>
          <w:p w14:paraId="08ADCC34" w14:textId="77777777" w:rsidR="001A51EB" w:rsidRDefault="001A51EB" w:rsidP="000C4CBD">
            <w:pPr>
              <w:pStyle w:val="BodyText"/>
              <w:spacing w:after="0"/>
            </w:pPr>
            <w:r>
              <w:t xml:space="preserve">On the motion of </w:t>
            </w:r>
            <w:r w:rsidR="00F20F50">
              <w:t>Mr. Tipton</w:t>
            </w:r>
            <w:r>
              <w:t xml:space="preserve">, seconded by </w:t>
            </w:r>
            <w:r w:rsidR="00F20F50">
              <w:t>Ms. Reynolds</w:t>
            </w:r>
            <w:r>
              <w:t xml:space="preserve">, the Board unanimously voted to approve the </w:t>
            </w:r>
            <w:r w:rsidR="00F20F50">
              <w:t>January 8, 2019</w:t>
            </w:r>
            <w:r>
              <w:t xml:space="preserve"> meeting minutes. </w:t>
            </w:r>
          </w:p>
          <w:p w14:paraId="0E7FA89B" w14:textId="77777777" w:rsidR="001A51EB" w:rsidRPr="00B72975" w:rsidRDefault="001A51EB" w:rsidP="000C4CBD">
            <w:pPr>
              <w:pStyle w:val="BodyText"/>
              <w:spacing w:after="0"/>
            </w:pPr>
          </w:p>
        </w:tc>
      </w:tr>
      <w:tr w:rsidR="001A51EB" w14:paraId="37F218C6" w14:textId="77777777" w:rsidTr="00C069DC">
        <w:tc>
          <w:tcPr>
            <w:tcW w:w="1368" w:type="dxa"/>
          </w:tcPr>
          <w:p w14:paraId="4760BDE8" w14:textId="77777777" w:rsidR="001A51EB" w:rsidRPr="008561F6" w:rsidRDefault="001A51EB" w:rsidP="001A51EB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</w:r>
            <w:r>
              <w:rPr>
                <w:b/>
              </w:rPr>
              <w:t>II</w:t>
            </w:r>
            <w:r w:rsidR="00583CEA">
              <w:rPr>
                <w:b/>
              </w:rPr>
              <w:t>-</w:t>
            </w:r>
            <w:r>
              <w:rPr>
                <w:b/>
              </w:rPr>
              <w:t>A</w:t>
            </w:r>
          </w:p>
        </w:tc>
        <w:tc>
          <w:tcPr>
            <w:tcW w:w="8280" w:type="dxa"/>
          </w:tcPr>
          <w:p w14:paraId="656235F6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Executive Director's Report</w:t>
            </w:r>
          </w:p>
          <w:p w14:paraId="03BCFF8E" w14:textId="4FAD29A9" w:rsidR="001A51EB" w:rsidRDefault="001A51EB" w:rsidP="00C069DC">
            <w:pPr>
              <w:pStyle w:val="BodyText"/>
              <w:spacing w:after="0"/>
            </w:pPr>
            <w:r>
              <w:t>Mr. Campbell presented the Executive Director's Report to the Board</w:t>
            </w:r>
            <w:r w:rsidR="00F20F50">
              <w:t xml:space="preserve">, including notice that the school leader </w:t>
            </w:r>
            <w:r w:rsidR="00D24116">
              <w:t xml:space="preserve">of </w:t>
            </w:r>
            <w:r w:rsidR="00D147AD">
              <w:t>Bridge</w:t>
            </w:r>
            <w:bookmarkStart w:id="0" w:name="_GoBack"/>
            <w:bookmarkEnd w:id="0"/>
            <w:r w:rsidR="00D24116">
              <w:t xml:space="preserve"> is</w:t>
            </w:r>
            <w:r w:rsidR="009C5DA3">
              <w:t xml:space="preserve"> currently</w:t>
            </w:r>
            <w:r w:rsidR="00D24116">
              <w:t xml:space="preserve"> on leave</w:t>
            </w:r>
            <w:r w:rsidR="009C5DA3">
              <w:t>.  Further information</w:t>
            </w:r>
            <w:r w:rsidR="00D24116">
              <w:t xml:space="preserve"> </w:t>
            </w:r>
            <w:r w:rsidR="009C5DA3">
              <w:t>was provided</w:t>
            </w:r>
            <w:r w:rsidR="00D24116">
              <w:t xml:space="preserve"> on a</w:t>
            </w:r>
            <w:r w:rsidR="00F20F50">
              <w:t xml:space="preserve"> new charter school application in Jefferson Parish</w:t>
            </w:r>
            <w:r w:rsidR="009C5DA3">
              <w:t xml:space="preserve"> by IDEA</w:t>
            </w:r>
            <w:r>
              <w:t>.</w:t>
            </w:r>
          </w:p>
          <w:p w14:paraId="04A48E41" w14:textId="77777777" w:rsidR="001A51EB" w:rsidRPr="008561F6" w:rsidRDefault="001A51EB" w:rsidP="00C069DC">
            <w:pPr>
              <w:pStyle w:val="BodyText"/>
              <w:spacing w:after="0"/>
            </w:pPr>
          </w:p>
        </w:tc>
      </w:tr>
      <w:tr w:rsidR="001A51EB" w14:paraId="424F6DD0" w14:textId="77777777" w:rsidTr="00C069DC">
        <w:tc>
          <w:tcPr>
            <w:tcW w:w="1368" w:type="dxa"/>
          </w:tcPr>
          <w:p w14:paraId="5DAD3081" w14:textId="77777777" w:rsidR="00583CEA" w:rsidRDefault="001A51EB" w:rsidP="00C069DC">
            <w:pPr>
              <w:pStyle w:val="BodyText"/>
              <w:spacing w:after="0"/>
              <w:rPr>
                <w:b/>
              </w:rPr>
            </w:pPr>
            <w:r w:rsidRPr="00D520A9">
              <w:rPr>
                <w:b/>
              </w:rPr>
              <w:t xml:space="preserve">Agenda </w:t>
            </w:r>
          </w:p>
          <w:p w14:paraId="582AB721" w14:textId="77777777" w:rsidR="001A51EB" w:rsidRPr="00D520A9" w:rsidRDefault="00583CE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II-B</w:t>
            </w:r>
          </w:p>
        </w:tc>
        <w:tc>
          <w:tcPr>
            <w:tcW w:w="8280" w:type="dxa"/>
          </w:tcPr>
          <w:p w14:paraId="79C046E6" w14:textId="77777777" w:rsidR="001A51EB" w:rsidRPr="00D520A9" w:rsidRDefault="001A51EB" w:rsidP="00D520A9">
            <w:pPr>
              <w:pStyle w:val="BodyText"/>
              <w:spacing w:after="0"/>
              <w:jc w:val="left"/>
              <w:rPr>
                <w:b/>
              </w:rPr>
            </w:pPr>
            <w:r>
              <w:rPr>
                <w:b/>
              </w:rPr>
              <w:t>Academic Excellence Report</w:t>
            </w:r>
          </w:p>
          <w:p w14:paraId="606CE48E" w14:textId="77777777" w:rsidR="001A51EB" w:rsidRDefault="001A51EB" w:rsidP="005430ED">
            <w:pPr>
              <w:pStyle w:val="BodyText"/>
              <w:spacing w:after="0"/>
            </w:pPr>
            <w:r>
              <w:t xml:space="preserve">Mr. </w:t>
            </w:r>
            <w:r w:rsidR="00583CEA">
              <w:t>Murphy</w:t>
            </w:r>
            <w:r>
              <w:t xml:space="preserve"> presented the Academic Excellence Report to the Board.</w:t>
            </w:r>
          </w:p>
          <w:p w14:paraId="4C89174B" w14:textId="77777777" w:rsidR="001A51EB" w:rsidRPr="00D520A9" w:rsidRDefault="001A51EB" w:rsidP="00D520A9">
            <w:pPr>
              <w:pStyle w:val="BodyText"/>
              <w:spacing w:after="0"/>
              <w:jc w:val="left"/>
            </w:pPr>
          </w:p>
        </w:tc>
      </w:tr>
      <w:tr w:rsidR="001A51EB" w14:paraId="18164398" w14:textId="77777777" w:rsidTr="00C069DC">
        <w:tc>
          <w:tcPr>
            <w:tcW w:w="1368" w:type="dxa"/>
          </w:tcPr>
          <w:p w14:paraId="7C34AF08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</w:p>
          <w:p w14:paraId="0C2BCA62" w14:textId="77777777" w:rsidR="00583CEA" w:rsidRPr="00D520A9" w:rsidRDefault="00583CE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II-C</w:t>
            </w:r>
          </w:p>
        </w:tc>
        <w:tc>
          <w:tcPr>
            <w:tcW w:w="8280" w:type="dxa"/>
          </w:tcPr>
          <w:p w14:paraId="06FFCA7A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Financial Report</w:t>
            </w:r>
          </w:p>
          <w:p w14:paraId="1E0758A1" w14:textId="77777777" w:rsidR="001A51EB" w:rsidRDefault="00591427" w:rsidP="00C069DC">
            <w:pPr>
              <w:pStyle w:val="BodyText"/>
              <w:spacing w:after="0"/>
            </w:pPr>
            <w:r>
              <w:t>Mr. Markey presented the financial report to the Board.</w:t>
            </w:r>
          </w:p>
          <w:p w14:paraId="1ADFD5B5" w14:textId="77777777" w:rsidR="001A51EB" w:rsidRPr="00D520A9" w:rsidRDefault="001A51EB" w:rsidP="00C069DC">
            <w:pPr>
              <w:pStyle w:val="BodyText"/>
              <w:spacing w:after="0"/>
            </w:pPr>
          </w:p>
        </w:tc>
      </w:tr>
      <w:tr w:rsidR="00D24116" w14:paraId="6D433772" w14:textId="77777777" w:rsidTr="00C069DC">
        <w:tc>
          <w:tcPr>
            <w:tcW w:w="1368" w:type="dxa"/>
          </w:tcPr>
          <w:p w14:paraId="292BD298" w14:textId="77777777" w:rsidR="00D24116" w:rsidRPr="00D24116" w:rsidRDefault="00D24116" w:rsidP="00583CE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III</w:t>
            </w:r>
          </w:p>
        </w:tc>
        <w:tc>
          <w:tcPr>
            <w:tcW w:w="8280" w:type="dxa"/>
          </w:tcPr>
          <w:p w14:paraId="113AE9CA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New Business</w:t>
            </w:r>
          </w:p>
          <w:p w14:paraId="1C279252" w14:textId="77777777" w:rsidR="00D24116" w:rsidRDefault="00D24116" w:rsidP="00C069DC">
            <w:pPr>
              <w:pStyle w:val="BodyText"/>
              <w:spacing w:after="0"/>
            </w:pPr>
            <w:r>
              <w:t>Ms. McMurray reported on Conflict of Interest Policy.</w:t>
            </w:r>
          </w:p>
          <w:p w14:paraId="35252683" w14:textId="77777777" w:rsidR="00D24116" w:rsidRPr="00D24116" w:rsidRDefault="00D24116" w:rsidP="00C069DC">
            <w:pPr>
              <w:pStyle w:val="BodyText"/>
              <w:spacing w:after="0"/>
            </w:pPr>
          </w:p>
        </w:tc>
      </w:tr>
      <w:tr w:rsidR="001A51EB" w14:paraId="6C119EB3" w14:textId="77777777" w:rsidTr="00C069DC">
        <w:tc>
          <w:tcPr>
            <w:tcW w:w="1368" w:type="dxa"/>
          </w:tcPr>
          <w:p w14:paraId="46B2F1AC" w14:textId="77777777" w:rsidR="001A51EB" w:rsidRDefault="001A51EB" w:rsidP="00583CE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583CEA">
              <w:rPr>
                <w:b/>
              </w:rPr>
              <w:br/>
              <w:t>III</w:t>
            </w:r>
            <w:r w:rsidR="00D24116">
              <w:rPr>
                <w:b/>
              </w:rPr>
              <w:t>-A</w:t>
            </w:r>
          </w:p>
        </w:tc>
        <w:tc>
          <w:tcPr>
            <w:tcW w:w="8280" w:type="dxa"/>
          </w:tcPr>
          <w:p w14:paraId="59EE24A1" w14:textId="77777777" w:rsidR="001A51EB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onsideration of 2018-2019 Budget</w:t>
            </w:r>
          </w:p>
          <w:p w14:paraId="200029D4" w14:textId="77777777" w:rsidR="001A51EB" w:rsidRDefault="00D24116" w:rsidP="000948C7">
            <w:pPr>
              <w:pStyle w:val="BodyText"/>
              <w:spacing w:after="0"/>
            </w:pPr>
            <w:r>
              <w:t>On the motion of Mr. Tipton, seconded by Ms. Tang, the Board unanimously voted to approve the 2018-2019 budget.</w:t>
            </w:r>
          </w:p>
          <w:p w14:paraId="41516EBA" w14:textId="77777777" w:rsidR="001A51EB" w:rsidRPr="00C34A7A" w:rsidRDefault="001A51EB" w:rsidP="00C069DC">
            <w:pPr>
              <w:pStyle w:val="BodyText"/>
              <w:spacing w:after="0"/>
            </w:pPr>
          </w:p>
        </w:tc>
      </w:tr>
      <w:tr w:rsidR="001A51EB" w14:paraId="2968E72C" w14:textId="77777777" w:rsidTr="00C069DC">
        <w:tc>
          <w:tcPr>
            <w:tcW w:w="1368" w:type="dxa"/>
          </w:tcPr>
          <w:p w14:paraId="7B021DA7" w14:textId="77777777" w:rsidR="001A51EB" w:rsidRPr="00147A0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</w:t>
            </w:r>
            <w:r w:rsidR="00D24116">
              <w:rPr>
                <w:b/>
              </w:rPr>
              <w:br/>
              <w:t>III</w:t>
            </w:r>
            <w:r w:rsidR="00583CEA">
              <w:rPr>
                <w:b/>
              </w:rPr>
              <w:t>-</w:t>
            </w:r>
            <w:r w:rsidR="00D24116">
              <w:rPr>
                <w:b/>
              </w:rPr>
              <w:t>B</w:t>
            </w:r>
          </w:p>
        </w:tc>
        <w:tc>
          <w:tcPr>
            <w:tcW w:w="8280" w:type="dxa"/>
          </w:tcPr>
          <w:p w14:paraId="1B388DC6" w14:textId="77777777" w:rsidR="001A51EB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onsideration of 2017-2018 Audit Report</w:t>
            </w:r>
          </w:p>
          <w:p w14:paraId="63A3B361" w14:textId="77777777" w:rsidR="001A51EB" w:rsidRDefault="001A51EB" w:rsidP="00C069DC">
            <w:pPr>
              <w:pStyle w:val="BodyText"/>
              <w:spacing w:after="0"/>
            </w:pPr>
            <w:r>
              <w:t xml:space="preserve">On the motion of </w:t>
            </w:r>
            <w:r w:rsidR="00D24116">
              <w:t xml:space="preserve">Ms. </w:t>
            </w:r>
            <w:proofErr w:type="spellStart"/>
            <w:r w:rsidR="00D24116">
              <w:t>Reyonds</w:t>
            </w:r>
            <w:proofErr w:type="spellEnd"/>
            <w:r>
              <w:t xml:space="preserve">, seconded by </w:t>
            </w:r>
            <w:r w:rsidR="00D24116">
              <w:t>Mr. Tipton</w:t>
            </w:r>
            <w:r>
              <w:t xml:space="preserve">, the Board unanimously voted to </w:t>
            </w:r>
            <w:r w:rsidR="00D24116">
              <w:t>approve the 2017-2018 audit report</w:t>
            </w:r>
            <w:r>
              <w:t>.</w:t>
            </w:r>
          </w:p>
          <w:p w14:paraId="1A2570E6" w14:textId="77777777" w:rsidR="001A51EB" w:rsidRPr="00147A0B" w:rsidRDefault="001A51EB" w:rsidP="00C069DC">
            <w:pPr>
              <w:pStyle w:val="BodyText"/>
              <w:spacing w:after="0"/>
            </w:pPr>
          </w:p>
        </w:tc>
      </w:tr>
      <w:tr w:rsidR="00D24116" w14:paraId="6C6EF240" w14:textId="77777777" w:rsidTr="00C069DC">
        <w:tc>
          <w:tcPr>
            <w:tcW w:w="1368" w:type="dxa"/>
          </w:tcPr>
          <w:p w14:paraId="38793EA1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lastRenderedPageBreak/>
              <w:t xml:space="preserve">Agenda </w:t>
            </w:r>
          </w:p>
        </w:tc>
        <w:tc>
          <w:tcPr>
            <w:tcW w:w="8280" w:type="dxa"/>
          </w:tcPr>
          <w:p w14:paraId="1E647072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djourn</w:t>
            </w:r>
          </w:p>
          <w:p w14:paraId="0E3A839C" w14:textId="77777777" w:rsidR="00D24116" w:rsidRDefault="00D24116" w:rsidP="00D24116">
            <w:pPr>
              <w:pStyle w:val="BodyText"/>
              <w:spacing w:after="0"/>
            </w:pPr>
            <w:r>
              <w:t>On the motion of Ms. Bowman, seconded by Mr. Tipton, the Board unanimously voted to adjourn the meeting.</w:t>
            </w:r>
          </w:p>
          <w:p w14:paraId="75D7A201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</w:p>
        </w:tc>
      </w:tr>
    </w:tbl>
    <w:p w14:paraId="7750850C" w14:textId="77777777" w:rsidR="00580696" w:rsidRDefault="0099597F" w:rsidP="005521E1">
      <w:pPr>
        <w:pStyle w:val="BodyText"/>
      </w:pPr>
      <w:r>
        <w:t xml:space="preserve">With no further business to come before the Board, the meeting was adjourned at </w:t>
      </w:r>
      <w:r w:rsidR="009C5DA3">
        <w:t>7:40</w:t>
      </w:r>
      <w:r w:rsidR="00D520A9">
        <w:t xml:space="preserve"> p</w:t>
      </w:r>
      <w:r w:rsidR="00D0378B">
        <w:t>.m.</w:t>
      </w:r>
    </w:p>
    <w:sectPr w:rsidR="00580696" w:rsidSect="00623568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7FEC7037" w14:textId="77777777" w:rsidR="00FB2A46" w:rsidRDefault="00FB2A46" w:rsidP="00FB2A46">
      <w:r>
        <w:separator/>
      </w:r>
    </w:p>
  </w:endnote>
  <w:endnote w:type="continuationSeparator" w:id="0">
    <w:p w14:paraId="2681A7C6" w14:textId="77777777" w:rsidR="00FB2A46" w:rsidRDefault="00FB2A46" w:rsidP="00FB2A4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CBA8AE0" w14:textId="77777777" w:rsidR="00F94CD5" w:rsidRDefault="00F94CD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83E0A69" w14:textId="77777777" w:rsidR="00EE58A1" w:rsidRDefault="00EE58A1">
    <w:pPr>
      <w:pStyle w:val="Footer"/>
    </w:pPr>
  </w:p>
  <w:p w14:paraId="1F221299" w14:textId="77777777" w:rsidR="00F94CD5" w:rsidRDefault="00EE58A1" w:rsidP="00EE58A1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58A1">
      <w:rPr>
        <w:sz w:val="16"/>
      </w:rPr>
      <w:instrText>IF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VARIABLE "SWDocIDLocation" </w:instrText>
    </w:r>
    <w:r w:rsidRPr="00EE58A1">
      <w:rPr>
        <w:sz w:val="16"/>
      </w:rPr>
      <w:fldChar w:fldCharType="separate"/>
    </w:r>
    <w:r w:rsidR="00F94CD5">
      <w:rPr>
        <w:sz w:val="16"/>
      </w:rPr>
      <w:instrText>1</w:instrText>
    </w:r>
    <w:r w:rsidRPr="00EE58A1">
      <w:rPr>
        <w:sz w:val="16"/>
      </w:rPr>
      <w:fldChar w:fldCharType="end"/>
    </w:r>
    <w:r w:rsidRPr="00EE58A1">
      <w:rPr>
        <w:sz w:val="16"/>
      </w:rPr>
      <w:instrText>" = "1"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PROPERTY "SWDocID" </w:instrText>
    </w:r>
    <w:r w:rsidRPr="00EE58A1">
      <w:rPr>
        <w:sz w:val="16"/>
      </w:rPr>
      <w:fldChar w:fldCharType="separate"/>
    </w:r>
    <w:r w:rsidR="00F94CD5">
      <w:rPr>
        <w:sz w:val="16"/>
      </w:rPr>
      <w:instrText>4831-2361-7672</w:instrText>
    </w:r>
  </w:p>
  <w:p w14:paraId="793030C0" w14:textId="77777777" w:rsidR="00F94CD5" w:rsidRDefault="00F94CD5" w:rsidP="00EE58A1">
    <w:pPr>
      <w:pStyle w:val="Footer"/>
      <w:rPr>
        <w:noProof/>
        <w:sz w:val="16"/>
      </w:rPr>
    </w:pPr>
    <w:r>
      <w:rPr>
        <w:sz w:val="16"/>
      </w:rPr>
      <w:instrText>2938546-000001</w:instrText>
    </w:r>
    <w:r w:rsidR="00EE58A1" w:rsidRPr="00EE58A1">
      <w:rPr>
        <w:sz w:val="16"/>
      </w:rPr>
      <w:fldChar w:fldCharType="end"/>
    </w:r>
    <w:r w:rsidR="00EE58A1" w:rsidRPr="00EE58A1">
      <w:rPr>
        <w:sz w:val="16"/>
      </w:rPr>
      <w:instrText>" ""</w:instrText>
    </w:r>
    <w:r w:rsidR="00EE58A1">
      <w:rPr>
        <w:sz w:val="16"/>
      </w:rPr>
      <w:instrText xml:space="preserve"> </w:instrText>
    </w:r>
    <w:r w:rsidR="00EE58A1">
      <w:rPr>
        <w:sz w:val="16"/>
      </w:rPr>
      <w:fldChar w:fldCharType="separate"/>
    </w:r>
    <w:r>
      <w:rPr>
        <w:noProof/>
        <w:sz w:val="16"/>
      </w:rPr>
      <w:t>4831-2361-7672</w:t>
    </w:r>
  </w:p>
  <w:p w14:paraId="48CB264B" w14:textId="77777777" w:rsidR="00EE58A1" w:rsidRDefault="00F94CD5" w:rsidP="00EE58A1">
    <w:pPr>
      <w:pStyle w:val="Footer"/>
    </w:pPr>
    <w:r>
      <w:rPr>
        <w:noProof/>
        <w:sz w:val="16"/>
      </w:rPr>
      <w:t>2938546-000001</w:t>
    </w:r>
    <w:r w:rsidR="00EE58A1"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6B95331" w14:textId="77777777" w:rsidR="00F94CD5" w:rsidRDefault="00F94CD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670D0AAD" w14:textId="77777777" w:rsidR="00FB2A46" w:rsidRDefault="00FB2A46" w:rsidP="00FB2A46">
      <w:r>
        <w:separator/>
      </w:r>
    </w:p>
  </w:footnote>
  <w:footnote w:type="continuationSeparator" w:id="0">
    <w:p w14:paraId="3F16B65C" w14:textId="77777777" w:rsidR="00FB2A46" w:rsidRDefault="00FB2A46" w:rsidP="00FB2A4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3FC438F" w14:textId="77777777" w:rsidR="00F94CD5" w:rsidRDefault="00F94CD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BA47B0B" w14:textId="77777777" w:rsidR="00FB2A46" w:rsidRPr="00FB2A46" w:rsidRDefault="004D07DC" w:rsidP="00FB2A46">
    <w:pPr>
      <w:pStyle w:val="Header"/>
      <w:jc w:val="right"/>
      <w:rPr>
        <w:b/>
        <w:color w:val="FF0000"/>
      </w:rPr>
    </w:pPr>
    <w:r>
      <w:rPr>
        <w:b/>
        <w:color w:val="FF0000"/>
      </w:rPr>
      <w:t>DRAFT</w:t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1CC5A0C" w14:textId="77777777" w:rsidR="00F94CD5" w:rsidRDefault="00F94CD5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228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stylePaneSortMethod w:val="0000"/>
  <w:defaultTabStop w:val="720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DocIDLayout" w:val="10009"/>
    <w:docVar w:name="SWDocIDLocation" w:val="1"/>
  </w:docVars>
  <w:rsids>
    <w:rsidRoot w:val="0099597F"/>
    <w:rsid w:val="000948C7"/>
    <w:rsid w:val="000A22B1"/>
    <w:rsid w:val="000C4CBD"/>
    <w:rsid w:val="000D1AE3"/>
    <w:rsid w:val="000E52C9"/>
    <w:rsid w:val="00147A0B"/>
    <w:rsid w:val="001528DB"/>
    <w:rsid w:val="001A15EF"/>
    <w:rsid w:val="001A51EB"/>
    <w:rsid w:val="001C0063"/>
    <w:rsid w:val="002139AE"/>
    <w:rsid w:val="0025779B"/>
    <w:rsid w:val="00261EA0"/>
    <w:rsid w:val="002A00C9"/>
    <w:rsid w:val="00313690"/>
    <w:rsid w:val="00333598"/>
    <w:rsid w:val="003955FF"/>
    <w:rsid w:val="003A07BC"/>
    <w:rsid w:val="003D0AA1"/>
    <w:rsid w:val="003E716E"/>
    <w:rsid w:val="00417FBB"/>
    <w:rsid w:val="00452EEE"/>
    <w:rsid w:val="004539B5"/>
    <w:rsid w:val="004567C5"/>
    <w:rsid w:val="0047032B"/>
    <w:rsid w:val="004A639E"/>
    <w:rsid w:val="004D07DC"/>
    <w:rsid w:val="004D6304"/>
    <w:rsid w:val="005027CB"/>
    <w:rsid w:val="00524551"/>
    <w:rsid w:val="005430ED"/>
    <w:rsid w:val="005521E1"/>
    <w:rsid w:val="005645FD"/>
    <w:rsid w:val="00580696"/>
    <w:rsid w:val="00583CEA"/>
    <w:rsid w:val="00591427"/>
    <w:rsid w:val="005B2D3B"/>
    <w:rsid w:val="00601247"/>
    <w:rsid w:val="00623568"/>
    <w:rsid w:val="00693F81"/>
    <w:rsid w:val="0069708A"/>
    <w:rsid w:val="006A6401"/>
    <w:rsid w:val="00782B88"/>
    <w:rsid w:val="00795E9C"/>
    <w:rsid w:val="00837350"/>
    <w:rsid w:val="008444B0"/>
    <w:rsid w:val="008561F6"/>
    <w:rsid w:val="008D5E5A"/>
    <w:rsid w:val="0094524D"/>
    <w:rsid w:val="00983F22"/>
    <w:rsid w:val="0099597F"/>
    <w:rsid w:val="009C5DA3"/>
    <w:rsid w:val="009D08E1"/>
    <w:rsid w:val="00A25268"/>
    <w:rsid w:val="00A434EA"/>
    <w:rsid w:val="00AA1E03"/>
    <w:rsid w:val="00B82E15"/>
    <w:rsid w:val="00BC3223"/>
    <w:rsid w:val="00BE5A6B"/>
    <w:rsid w:val="00C34A7A"/>
    <w:rsid w:val="00C57F35"/>
    <w:rsid w:val="00C7002C"/>
    <w:rsid w:val="00C84C29"/>
    <w:rsid w:val="00D0378B"/>
    <w:rsid w:val="00D147AD"/>
    <w:rsid w:val="00D17F78"/>
    <w:rsid w:val="00D24116"/>
    <w:rsid w:val="00D520A9"/>
    <w:rsid w:val="00DC6337"/>
    <w:rsid w:val="00DD0228"/>
    <w:rsid w:val="00E175C2"/>
    <w:rsid w:val="00E405DD"/>
    <w:rsid w:val="00E73476"/>
    <w:rsid w:val="00EC4253"/>
    <w:rsid w:val="00EE58A1"/>
    <w:rsid w:val="00EF2031"/>
    <w:rsid w:val="00F20F50"/>
    <w:rsid w:val="00F372E4"/>
    <w:rsid w:val="00F42318"/>
    <w:rsid w:val="00F458E0"/>
    <w:rsid w:val="00F94CD5"/>
    <w:rsid w:val="00FA4046"/>
    <w:rsid w:val="00FB2A4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4577"/>
    <o:shapelayout v:ext="edit">
      <o:idmap v:ext="edit" data="1"/>
    </o:shapelayout>
  </w:shapeDefaults>
  <w:decimalSymbol w:val="."/>
  <w:listSeparator w:val=","/>
  <w14:docId w14:val="1FFD7F3B"/>
  <w15:docId w15:val="{7F5A2C8A-8A7A-412F-B1FD-BD4F24AF54A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iPriority="1" w:unhideWhenUsed="1" w:qFormat="1"/>
    <w:lsdException w:name="Signature" w:semiHidden="1" w:uiPriority="1" w:unhideWhenUsed="1" w:qFormat="1"/>
    <w:lsdException w:name="Default Paragraph Font" w:semiHidden="1" w:uiPriority="1" w:unhideWhenUsed="1"/>
    <w:lsdException w:name="Body Text" w:semiHidden="1" w:uiPriority="2" w:unhideWhenUsed="1" w:qFormat="1"/>
    <w:lsdException w:name="Body Text Indent" w:semiHidden="1" w:uiPriority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" w:qFormat="1"/>
    <w:lsdException w:name="Salutation" w:semiHidden="1" w:unhideWhenUsed="1"/>
    <w:lsdException w:name="Date" w:semiHidden="1" w:unhideWhenUsed="1"/>
    <w:lsdException w:name="Body Text First Indent" w:semiHidden="1" w:uiPriority="9" w:unhideWhenUsed="1" w:qFormat="1"/>
    <w:lsdException w:name="Body Text First Indent 2" w:semiHidden="1" w:uiPriority="9" w:unhideWhenUsed="1" w:qFormat="1"/>
    <w:lsdException w:name="Note Heading" w:semiHidden="1" w:unhideWhenUsed="1"/>
    <w:lsdException w:name="Body Text 2" w:semiHidden="1" w:uiPriority="9" w:unhideWhenUsed="1" w:qFormat="1"/>
    <w:lsdException w:name="Body Text 3" w:semiHidden="1" w:unhideWhenUsed="1"/>
    <w:lsdException w:name="Body Text Indent 2" w:semiHidden="1" w:uiPriority="9" w:unhideWhenUsed="1" w:qFormat="1"/>
    <w:lsdException w:name="Body Text Indent 3" w:semiHidden="1" w:unhideWhenUsed="1"/>
    <w:lsdException w:name="Block Text" w:semiHidden="1" w:uiPriority="1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semiHidden="1" w:uiPriority="59" w:unhideWhenUsed="1"/>
    <w:lsdException w:name="Table Theme" w:semiHidden="1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283</TotalTime>
  <Pages>2</Pages>
  <Words>295</Words>
  <Characters>1684</Characters>
  <Application>Microsoft Office Word</Application>
  <DocSecurity>0</DocSecurity>
  <Lines>14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aker Donelson</Company>
  <LinksUpToDate>false</LinksUpToDate>
  <CharactersWithSpaces>197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DBCB</dc:creator>
  <cp:keywords/>
  <dc:description/>
  <cp:lastModifiedBy>Adrienne Turnipseed</cp:lastModifiedBy>
  <cp:revision>10</cp:revision>
  <cp:lastPrinted>2019-02-13T17:51:00Z</cp:lastPrinted>
  <dcterms:created xsi:type="dcterms:W3CDTF">2019-02-13T14:30:00Z</dcterms:created>
  <dcterms:modified xsi:type="dcterms:W3CDTF">2019-02-14T14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31-2361-7672_x000d_
2938546-000001</vt:lpwstr>
  </property>
</Properties>
</file>